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1A77F6BA-8742-44CF-AE54-F13D16407ACD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167" uniqueCount="76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วิสาหกิจชุมชนกลุ่มแม่บ้านเกษตรกรบ้านคืมมะอุ-สวนหม่อน </t>
  </si>
  <si>
    <t>บริษัท ไทยสมาร์ทไลฟ์ จำกัด</t>
  </si>
  <si>
    <t>บริษัท</t>
  </si>
  <si>
    <t>กลุ่มกัลทลี หัตถกรรมกาบกล้วย</t>
  </si>
  <si>
    <t>บริษัท มาเรียมโอเชี่ยน โปรดักส์  จำกัด (สำนักงานใหญ่)</t>
  </si>
  <si>
    <t>กลุ่มแปรรูปผลิตภัณฑ์ผ้าพื้นเมืองศรีวิชัย</t>
  </si>
  <si>
    <t xml:space="preserve">บริษัท ประชารัฐรักสามัคคีสระบุรี (วิสาหกิจเพื่อสังคม) จำกัด </t>
  </si>
  <si>
    <t>บริษัท ไพรทิพ แบรนด์ จำกัด</t>
  </si>
  <si>
    <t xml:space="preserve">บริษัท ซิกริโน่กรุ๊ป จำกัด </t>
  </si>
  <si>
    <t>นางสาวนุชนารถ  พรหมชัยนันท์</t>
  </si>
  <si>
    <t>นายจักรภัทร  กรธนทรัพย์</t>
  </si>
  <si>
    <t>นางสาวดรุณี  แวยามา</t>
  </si>
  <si>
    <t xml:space="preserve">กลุ่มแม่บ้านประมงพื้นบ้านบูดี </t>
  </si>
  <si>
    <t>นายอัศวิน  ไขรัศมี</t>
  </si>
  <si>
    <t>62/1  หมู่ที่ 3  ตำบลหนองหว้า  อำเภอกิ่งอำเภอบัวลาย  จังหวัดนครราชสีมา</t>
  </si>
  <si>
    <t xml:space="preserve">322 หมู่ 9  ตำบลเขื่องขำ  อำเภอเมือง จังหวัดยโสธร </t>
  </si>
  <si>
    <t xml:space="preserve">10/1 หมู่ที่ 2  ตำบลบางนา  อำเภอเมืองปัตตานี  จังหวัดปัตตานี		 </t>
  </si>
  <si>
    <t xml:space="preserve">72  หมู่1 ตำบลแหลมโพธิ์  อำเภอยะหริ่ง  จังหวัดปัตตานี </t>
  </si>
  <si>
    <t xml:space="preserve">110 ม.6 ต.ป่าแฝก  อ.พรเจริญ จ.บึงกาฬ	</t>
  </si>
  <si>
    <t xml:space="preserve">สำนักงานใหญ่  139/4 หมู่ที่  1 ตำบลพุแค  อำเภอเฉลิมพระเกียรติ  จังหวัดสระบุรี  </t>
  </si>
  <si>
    <t>88/1 ม. 4 ตำบลคลองใหม่ อำเภอสามพราน จังหวัดนครปฐม 73110</t>
  </si>
  <si>
    <t>88/1 ม. 4 ตำบลคลองใหม่ อำเภอสามพราน จังหวัดนครปฐม 73111</t>
  </si>
  <si>
    <t>88/1 ม. 4 ตำบลคลองใหม่ อำเภอสามพราน จังหวัดนครปฐม 73112</t>
  </si>
  <si>
    <t>88/1 ม. 4 ตำบลคลองใหม่ อำเภอสามพราน จังหวัดนครปฐม 73113</t>
  </si>
  <si>
    <t>2/9 หมู่ 2 ตำบลหนองปักโลง  อำเภอเมือง  จังหวัดนครปฐม</t>
  </si>
  <si>
    <t>140/1 หมู่ที่4 ตำบลสามง่าม อำเภอดอนตูม จังหวัดนครปฐม</t>
  </si>
  <si>
    <t>061-668-9428</t>
  </si>
  <si>
    <t>062-197-4656</t>
  </si>
  <si>
    <t>094-003-6227</t>
  </si>
  <si>
    <t>086-287-3882</t>
  </si>
  <si>
    <t xml:space="preserve">062-158-8628 093-424-0669 </t>
  </si>
  <si>
    <t>085-123-7365</t>
  </si>
  <si>
    <t>092-092-8363 090-140-5205</t>
  </si>
  <si>
    <t>087-677-7477</t>
  </si>
  <si>
    <t xml:space="preserve">091-168-9777 062-107-3766 </t>
  </si>
  <si>
    <t>นครราชสีมา</t>
  </si>
  <si>
    <t xml:space="preserve">ยโสธร </t>
  </si>
  <si>
    <t xml:space="preserve">ปัตตานี		 </t>
  </si>
  <si>
    <t xml:space="preserve">บึงกาฬ	</t>
  </si>
  <si>
    <t xml:space="preserve">สระบุรี  </t>
  </si>
  <si>
    <t>นครปฐม</t>
  </si>
  <si>
    <t>katlee</t>
  </si>
  <si>
    <t>062 -158 - 8628</t>
  </si>
  <si>
    <t>@pritipbrand</t>
  </si>
  <si>
    <t>Mariam Festival Snack</t>
  </si>
  <si>
    <t>ผ้าฝ้ายใบทอง แม่แถมศรีวิชัย</t>
  </si>
  <si>
    <t>Playlin Banana Chips</t>
  </si>
  <si>
    <t>pritipbrand</t>
  </si>
  <si>
    <t>TomajoThailand</t>
  </si>
  <si>
    <t>foodroup@thanlux.com</t>
  </si>
  <si>
    <t>mariamocean712@gmail.com</t>
  </si>
  <si>
    <t>pafaiibaithong@gmail.com</t>
  </si>
  <si>
    <t>plearnplaylin@gmail.com</t>
  </si>
  <si>
    <t>pritipbrand@gmail.com , sanamchanotop@yahoo.com</t>
  </si>
  <si>
    <t>tomajothailand@gmail.com</t>
  </si>
  <si>
    <t>http://thanlux.net</t>
  </si>
  <si>
    <t>www.exten.pn.psu.ac.th</t>
  </si>
  <si>
    <t>http://mariamoceanproducts001.lnwshop.com</t>
  </si>
  <si>
    <t>http://plearn-banana.com</t>
  </si>
  <si>
    <t>https://www.pritipbrand.com/</t>
  </si>
  <si>
    <t>http://www.tomajothailand.com</t>
  </si>
  <si>
    <t>บริษัท วสช.กลุ่มผลไม้สดและผลผลิตแปรรูปบ้านดอนทอง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b/>
      <sz val="12"/>
      <color indexed="8"/>
      <name val="Helvetica Neue"/>
    </font>
    <font>
      <sz val="12"/>
      <name val="Helvetica Neue"/>
      <scheme val="major"/>
    </font>
    <font>
      <sz val="11"/>
      <color theme="1" tint="0.14993743705557422"/>
      <name val="Helvetica Neue"/>
      <family val="2"/>
      <scheme val="minor"/>
    </font>
    <font>
      <sz val="12"/>
      <color theme="1" tint="0.14993743705557422"/>
      <name val="Helvetica Neue"/>
      <scheme val="minor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4"/>
      </left>
      <right/>
      <top/>
      <bottom/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4" fillId="0" borderId="0" applyNumberFormat="0" applyFill="0" applyBorder="0" applyAlignment="0" applyProtection="0"/>
  </cellStyleXfs>
  <cellXfs count="2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7" xfId="0" applyNumberFormat="1" applyFont="1" applyFill="1" applyBorder="1" applyAlignment="1">
      <alignment vertical="center"/>
    </xf>
    <xf numFmtId="49" fontId="1" fillId="2" borderId="5" xfId="0" applyNumberFormat="1" applyFont="1" applyFill="1" applyBorder="1" applyAlignment="1">
      <alignment vertical="top" wrapText="1"/>
    </xf>
    <xf numFmtId="0" fontId="3" fillId="4" borderId="8" xfId="0" applyNumberFormat="1" applyFont="1" applyFill="1" applyBorder="1" applyAlignment="1">
      <alignment vertical="center"/>
    </xf>
    <xf numFmtId="49" fontId="1" fillId="2" borderId="6" xfId="0" applyNumberFormat="1" applyFont="1" applyFill="1" applyBorder="1" applyAlignment="1">
      <alignment vertical="top" wrapText="1"/>
    </xf>
    <xf numFmtId="0" fontId="3" fillId="4" borderId="9" xfId="0" applyNumberFormat="1" applyFont="1" applyFill="1" applyBorder="1" applyAlignment="1">
      <alignment vertical="center"/>
    </xf>
    <xf numFmtId="0" fontId="3" fillId="5" borderId="9" xfId="0" applyNumberFormat="1" applyFont="1" applyFill="1" applyBorder="1" applyAlignment="1">
      <alignment vertical="center"/>
    </xf>
    <xf numFmtId="0" fontId="3" fillId="6" borderId="9" xfId="0" applyNumberFormat="1" applyFont="1" applyFill="1" applyBorder="1" applyAlignment="1">
      <alignment vertical="center"/>
    </xf>
    <xf numFmtId="0" fontId="3" fillId="6" borderId="9" xfId="0" applyNumberFormat="1" applyFont="1" applyFill="1" applyBorder="1" applyAlignment="1">
      <alignment vertical="center" wrapText="1"/>
    </xf>
    <xf numFmtId="0" fontId="3" fillId="5" borderId="9" xfId="0" applyNumberFormat="1" applyFont="1" applyFill="1" applyBorder="1" applyAlignment="1">
      <alignment vertical="center" wrapText="1"/>
    </xf>
    <xf numFmtId="0" fontId="3" fillId="6" borderId="10" xfId="0" applyNumberFormat="1" applyFont="1" applyFill="1" applyBorder="1" applyAlignment="1">
      <alignment vertical="center"/>
    </xf>
    <xf numFmtId="0" fontId="5" fillId="5" borderId="9" xfId="1" applyNumberFormat="1" applyFont="1" applyFill="1" applyBorder="1" applyAlignment="1">
      <alignment vertical="center"/>
    </xf>
    <xf numFmtId="0" fontId="5" fillId="5" borderId="10" xfId="1" applyNumberFormat="1" applyFont="1" applyFill="1" applyBorder="1" applyAlignment="1">
      <alignment vertical="center"/>
    </xf>
    <xf numFmtId="0" fontId="5" fillId="5" borderId="7" xfId="1" applyNumberFormat="1" applyFont="1" applyFill="1" applyBorder="1" applyAlignment="1">
      <alignment vertical="center"/>
    </xf>
    <xf numFmtId="0" fontId="3" fillId="5" borderId="10" xfId="0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thanlux.net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workbookViewId="0">
      <selection activeCell="A25" sqref="A25"/>
    </sheetView>
  </sheetViews>
  <sheetFormatPr defaultColWidth="16.36328125" defaultRowHeight="19.899999999999999" customHeight="1"/>
  <cols>
    <col min="1" max="1" width="58.81640625" style="4" bestFit="1" customWidth="1"/>
    <col min="2" max="2" width="20.36328125" style="4" bestFit="1" customWidth="1"/>
    <col min="3" max="3" width="29.453125" style="4" bestFit="1" customWidth="1"/>
    <col min="4" max="4" width="5.36328125" style="4" bestFit="1" customWidth="1"/>
    <col min="5" max="5" width="14.26953125" style="4" bestFit="1" customWidth="1"/>
    <col min="6" max="6" width="7.81640625" style="4" bestFit="1" customWidth="1"/>
    <col min="7" max="8" width="34.6328125" style="4" bestFit="1" customWidth="1"/>
    <col min="9" max="9" width="12" style="4" bestFit="1" customWidth="1"/>
    <col min="10" max="10" width="7.54296875" style="4" bestFit="1" customWidth="1"/>
    <col min="11" max="11" width="10.26953125" style="4" bestFit="1" customWidth="1"/>
    <col min="12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22" customHeight="1">
      <c r="A4" s="9" t="s">
        <v>14</v>
      </c>
      <c r="B4" s="10" t="s">
        <v>13</v>
      </c>
      <c r="C4" s="15" t="s">
        <v>23</v>
      </c>
      <c r="D4" s="16" t="s">
        <v>28</v>
      </c>
      <c r="E4" s="15">
        <v>30120</v>
      </c>
      <c r="F4" s="16" t="s">
        <v>49</v>
      </c>
      <c r="G4" s="15" t="s">
        <v>40</v>
      </c>
      <c r="H4" s="15" t="s">
        <v>40</v>
      </c>
      <c r="I4" s="15"/>
      <c r="J4" s="15"/>
      <c r="K4" s="18"/>
    </row>
    <row r="5" spans="1:11" ht="20" customHeight="1">
      <c r="A5" s="11" t="s">
        <v>14</v>
      </c>
      <c r="B5" s="10" t="s">
        <v>13</v>
      </c>
      <c r="C5" s="15" t="s">
        <v>23</v>
      </c>
      <c r="D5" s="16" t="s">
        <v>28</v>
      </c>
      <c r="E5" s="15">
        <v>30120</v>
      </c>
      <c r="F5" s="16" t="s">
        <v>49</v>
      </c>
      <c r="G5" s="15" t="s">
        <v>40</v>
      </c>
      <c r="H5" s="15" t="s">
        <v>40</v>
      </c>
      <c r="I5" s="15"/>
      <c r="J5" s="15"/>
      <c r="K5" s="18"/>
    </row>
    <row r="6" spans="1:11" ht="20" customHeight="1">
      <c r="A6" s="13" t="s">
        <v>15</v>
      </c>
      <c r="B6" s="12" t="s">
        <v>16</v>
      </c>
      <c r="C6" s="14" t="s">
        <v>24</v>
      </c>
      <c r="D6" s="17" t="s">
        <v>29</v>
      </c>
      <c r="E6" s="14">
        <v>35000</v>
      </c>
      <c r="F6" s="17" t="s">
        <v>50</v>
      </c>
      <c r="G6" s="14" t="s">
        <v>41</v>
      </c>
      <c r="H6" s="14" t="s">
        <v>41</v>
      </c>
      <c r="I6" s="14"/>
      <c r="J6" s="19" t="s">
        <v>63</v>
      </c>
      <c r="K6" s="20"/>
    </row>
    <row r="7" spans="1:11" ht="20" customHeight="1">
      <c r="A7" s="13" t="s">
        <v>15</v>
      </c>
      <c r="B7" s="12" t="s">
        <v>16</v>
      </c>
      <c r="C7" s="14" t="s">
        <v>24</v>
      </c>
      <c r="D7" s="17" t="s">
        <v>29</v>
      </c>
      <c r="E7" s="14">
        <v>35000</v>
      </c>
      <c r="F7" s="17" t="s">
        <v>50</v>
      </c>
      <c r="G7" s="14" t="s">
        <v>41</v>
      </c>
      <c r="H7" s="14" t="s">
        <v>41</v>
      </c>
      <c r="I7" s="14"/>
      <c r="J7" s="19" t="s">
        <v>63</v>
      </c>
      <c r="K7" s="21" t="s">
        <v>69</v>
      </c>
    </row>
    <row r="8" spans="1:11" ht="20" customHeight="1">
      <c r="A8" s="13" t="s">
        <v>17</v>
      </c>
      <c r="B8" s="10" t="s">
        <v>13</v>
      </c>
      <c r="C8" s="14" t="s">
        <v>25</v>
      </c>
      <c r="D8" s="14" t="s">
        <v>30</v>
      </c>
      <c r="E8" s="14">
        <v>94000</v>
      </c>
      <c r="F8" s="14" t="s">
        <v>51</v>
      </c>
      <c r="G8" s="14" t="s">
        <v>42</v>
      </c>
      <c r="H8" s="14" t="s">
        <v>55</v>
      </c>
      <c r="I8" s="14"/>
      <c r="J8" s="14"/>
      <c r="K8" s="20" t="s">
        <v>70</v>
      </c>
    </row>
    <row r="9" spans="1:11" ht="20" customHeight="1">
      <c r="A9" s="14" t="s">
        <v>18</v>
      </c>
      <c r="B9" s="12" t="s">
        <v>16</v>
      </c>
      <c r="C9" s="14" t="s">
        <v>26</v>
      </c>
      <c r="D9" s="14" t="s">
        <v>31</v>
      </c>
      <c r="E9" s="14">
        <v>94150</v>
      </c>
      <c r="F9" s="14" t="s">
        <v>51</v>
      </c>
      <c r="G9" s="14" t="s">
        <v>43</v>
      </c>
      <c r="H9" s="14" t="s">
        <v>43</v>
      </c>
      <c r="I9" s="14" t="s">
        <v>58</v>
      </c>
      <c r="J9" s="14" t="s">
        <v>64</v>
      </c>
      <c r="K9" s="22" t="s">
        <v>71</v>
      </c>
    </row>
    <row r="10" spans="1:11" ht="20" customHeight="1">
      <c r="A10" s="14" t="s">
        <v>18</v>
      </c>
      <c r="B10" s="12" t="s">
        <v>16</v>
      </c>
      <c r="C10" s="14" t="s">
        <v>26</v>
      </c>
      <c r="D10" s="14" t="s">
        <v>31</v>
      </c>
      <c r="E10" s="14">
        <v>94150</v>
      </c>
      <c r="F10" s="14" t="s">
        <v>51</v>
      </c>
      <c r="G10" s="14" t="s">
        <v>43</v>
      </c>
      <c r="H10" s="14" t="s">
        <v>43</v>
      </c>
      <c r="I10" s="14" t="s">
        <v>58</v>
      </c>
      <c r="J10" s="14" t="s">
        <v>64</v>
      </c>
      <c r="K10" s="22" t="s">
        <v>71</v>
      </c>
    </row>
    <row r="11" spans="1:11" ht="20" customHeight="1">
      <c r="A11" s="14" t="s">
        <v>18</v>
      </c>
      <c r="B11" s="12" t="s">
        <v>16</v>
      </c>
      <c r="C11" s="14" t="s">
        <v>26</v>
      </c>
      <c r="D11" s="14" t="s">
        <v>31</v>
      </c>
      <c r="E11" s="14">
        <v>94150</v>
      </c>
      <c r="F11" s="14" t="s">
        <v>51</v>
      </c>
      <c r="G11" s="14" t="s">
        <v>43</v>
      </c>
      <c r="H11" s="14" t="s">
        <v>43</v>
      </c>
      <c r="I11" s="14" t="s">
        <v>58</v>
      </c>
      <c r="J11" s="14" t="s">
        <v>64</v>
      </c>
      <c r="K11" s="22" t="s">
        <v>71</v>
      </c>
    </row>
    <row r="12" spans="1:11" ht="20" customHeight="1">
      <c r="A12" s="15" t="s">
        <v>19</v>
      </c>
      <c r="B12" s="10" t="s">
        <v>13</v>
      </c>
      <c r="C12" s="14"/>
      <c r="D12" s="14" t="s">
        <v>32</v>
      </c>
      <c r="E12" s="14">
        <v>38180</v>
      </c>
      <c r="F12" s="14" t="s">
        <v>52</v>
      </c>
      <c r="G12" s="17" t="s">
        <v>44</v>
      </c>
      <c r="H12" s="14" t="s">
        <v>56</v>
      </c>
      <c r="I12" s="14" t="s">
        <v>59</v>
      </c>
      <c r="J12" s="14" t="s">
        <v>65</v>
      </c>
      <c r="K12" s="22"/>
    </row>
    <row r="13" spans="1:11" ht="20" customHeight="1">
      <c r="A13" s="15" t="s">
        <v>20</v>
      </c>
      <c r="B13" s="12" t="s">
        <v>16</v>
      </c>
      <c r="C13" s="14" t="s">
        <v>27</v>
      </c>
      <c r="D13" s="14" t="s">
        <v>33</v>
      </c>
      <c r="E13" s="14">
        <v>18240</v>
      </c>
      <c r="F13" s="14" t="s">
        <v>53</v>
      </c>
      <c r="G13" s="14" t="s">
        <v>45</v>
      </c>
      <c r="H13" s="14" t="s">
        <v>45</v>
      </c>
      <c r="I13" s="14"/>
      <c r="J13" s="14"/>
      <c r="K13" s="22"/>
    </row>
    <row r="14" spans="1:11" ht="20" customHeight="1">
      <c r="A14" s="15" t="s">
        <v>20</v>
      </c>
      <c r="B14" s="12" t="s">
        <v>16</v>
      </c>
      <c r="C14" s="14" t="s">
        <v>27</v>
      </c>
      <c r="D14" s="14" t="s">
        <v>33</v>
      </c>
      <c r="E14" s="14">
        <v>18240</v>
      </c>
      <c r="F14" s="14" t="s">
        <v>53</v>
      </c>
      <c r="G14" s="14" t="s">
        <v>45</v>
      </c>
      <c r="H14" s="14" t="s">
        <v>45</v>
      </c>
      <c r="I14" s="14"/>
      <c r="J14" s="14"/>
      <c r="K14" s="22"/>
    </row>
    <row r="15" spans="1:11" ht="20" customHeight="1">
      <c r="A15" s="15" t="s">
        <v>75</v>
      </c>
      <c r="B15" s="12" t="s">
        <v>16</v>
      </c>
      <c r="C15" s="14"/>
      <c r="D15" s="14" t="s">
        <v>34</v>
      </c>
      <c r="E15" s="14">
        <v>73110</v>
      </c>
      <c r="F15" s="14" t="s">
        <v>54</v>
      </c>
      <c r="G15" s="17" t="s">
        <v>46</v>
      </c>
      <c r="H15" s="17" t="s">
        <v>46</v>
      </c>
      <c r="I15" s="14" t="s">
        <v>60</v>
      </c>
      <c r="J15" s="14" t="s">
        <v>66</v>
      </c>
      <c r="K15" s="22" t="s">
        <v>72</v>
      </c>
    </row>
    <row r="16" spans="1:11" ht="20" customHeight="1">
      <c r="A16" s="15" t="s">
        <v>75</v>
      </c>
      <c r="B16" s="12" t="s">
        <v>16</v>
      </c>
      <c r="C16" s="14"/>
      <c r="D16" s="14" t="s">
        <v>35</v>
      </c>
      <c r="E16" s="14">
        <v>73110</v>
      </c>
      <c r="F16" s="14" t="s">
        <v>54</v>
      </c>
      <c r="G16" s="17" t="s">
        <v>46</v>
      </c>
      <c r="H16" s="17" t="s">
        <v>46</v>
      </c>
      <c r="I16" s="14" t="s">
        <v>60</v>
      </c>
      <c r="J16" s="14" t="s">
        <v>66</v>
      </c>
      <c r="K16" s="22" t="s">
        <v>72</v>
      </c>
    </row>
    <row r="17" spans="1:11" ht="20" customHeight="1">
      <c r="A17" s="15" t="s">
        <v>75</v>
      </c>
      <c r="B17" s="12" t="s">
        <v>16</v>
      </c>
      <c r="C17" s="14"/>
      <c r="D17" s="14" t="s">
        <v>36</v>
      </c>
      <c r="E17" s="14">
        <v>73110</v>
      </c>
      <c r="F17" s="14" t="s">
        <v>54</v>
      </c>
      <c r="G17" s="17" t="s">
        <v>46</v>
      </c>
      <c r="H17" s="17" t="s">
        <v>46</v>
      </c>
      <c r="I17" s="14" t="s">
        <v>60</v>
      </c>
      <c r="J17" s="14" t="s">
        <v>66</v>
      </c>
      <c r="K17" s="22" t="s">
        <v>72</v>
      </c>
    </row>
    <row r="18" spans="1:11" ht="20" customHeight="1">
      <c r="A18" s="15" t="s">
        <v>75</v>
      </c>
      <c r="B18" s="12" t="s">
        <v>16</v>
      </c>
      <c r="C18" s="14"/>
      <c r="D18" s="14" t="s">
        <v>37</v>
      </c>
      <c r="E18" s="14">
        <v>73110</v>
      </c>
      <c r="F18" s="14" t="s">
        <v>54</v>
      </c>
      <c r="G18" s="17" t="s">
        <v>46</v>
      </c>
      <c r="H18" s="17" t="s">
        <v>46</v>
      </c>
      <c r="I18" s="14" t="s">
        <v>60</v>
      </c>
      <c r="J18" s="14" t="s">
        <v>66</v>
      </c>
      <c r="K18" s="22" t="s">
        <v>72</v>
      </c>
    </row>
    <row r="19" spans="1:11" ht="20" customHeight="1">
      <c r="A19" s="15" t="s">
        <v>21</v>
      </c>
      <c r="B19" s="12" t="s">
        <v>16</v>
      </c>
      <c r="C19" s="14"/>
      <c r="D19" s="14" t="s">
        <v>38</v>
      </c>
      <c r="E19" s="14">
        <v>73000</v>
      </c>
      <c r="F19" s="14" t="s">
        <v>54</v>
      </c>
      <c r="G19" s="14" t="s">
        <v>47</v>
      </c>
      <c r="H19" s="14" t="s">
        <v>57</v>
      </c>
      <c r="I19" s="14" t="s">
        <v>61</v>
      </c>
      <c r="J19" s="17" t="s">
        <v>67</v>
      </c>
      <c r="K19" s="22" t="s">
        <v>73</v>
      </c>
    </row>
    <row r="20" spans="1:11" ht="20" customHeight="1">
      <c r="A20" s="15" t="s">
        <v>21</v>
      </c>
      <c r="B20" s="12" t="s">
        <v>16</v>
      </c>
      <c r="C20" s="14"/>
      <c r="D20" s="14" t="s">
        <v>38</v>
      </c>
      <c r="E20" s="14">
        <v>73000</v>
      </c>
      <c r="F20" s="14" t="s">
        <v>54</v>
      </c>
      <c r="G20" s="14" t="s">
        <v>47</v>
      </c>
      <c r="H20" s="14" t="s">
        <v>57</v>
      </c>
      <c r="I20" s="14" t="s">
        <v>61</v>
      </c>
      <c r="J20" s="17" t="s">
        <v>67</v>
      </c>
      <c r="K20" s="22" t="s">
        <v>73</v>
      </c>
    </row>
    <row r="21" spans="1:11" ht="20" customHeight="1">
      <c r="A21" s="15" t="s">
        <v>22</v>
      </c>
      <c r="B21" s="12" t="s">
        <v>16</v>
      </c>
      <c r="C21" s="14"/>
      <c r="D21" s="14" t="s">
        <v>39</v>
      </c>
      <c r="E21" s="14">
        <v>73150</v>
      </c>
      <c r="F21" s="14" t="s">
        <v>54</v>
      </c>
      <c r="G21" s="17" t="s">
        <v>48</v>
      </c>
      <c r="H21" s="17" t="s">
        <v>48</v>
      </c>
      <c r="I21" s="14" t="s">
        <v>62</v>
      </c>
      <c r="J21" s="14" t="s">
        <v>68</v>
      </c>
      <c r="K21" s="22" t="s">
        <v>74</v>
      </c>
    </row>
    <row r="22" spans="1:11" ht="20" customHeight="1">
      <c r="A22" s="12"/>
      <c r="B22" s="12"/>
      <c r="C22" s="12"/>
      <c r="D22" s="12"/>
      <c r="E22" s="12"/>
      <c r="F22" s="12"/>
      <c r="G22" s="12"/>
      <c r="H22" s="12"/>
      <c r="I22" s="12"/>
      <c r="J22" s="12"/>
      <c r="K22" s="12"/>
    </row>
    <row r="23" spans="1:11" ht="20" customHeight="1">
      <c r="A23" s="12"/>
      <c r="B23" s="12"/>
      <c r="C23" s="12"/>
      <c r="D23" s="12"/>
      <c r="E23" s="12"/>
      <c r="F23" s="12"/>
      <c r="G23" s="12"/>
      <c r="H23" s="12"/>
      <c r="I23" s="12"/>
      <c r="J23" s="12"/>
      <c r="K23" s="12"/>
    </row>
    <row r="24" spans="1:11" ht="20" customHeight="1">
      <c r="A24" s="12"/>
      <c r="B24" s="12"/>
      <c r="C24" s="12"/>
      <c r="D24" s="12"/>
      <c r="E24" s="12"/>
      <c r="F24" s="12"/>
      <c r="G24" s="12"/>
      <c r="H24" s="12"/>
      <c r="I24" s="12"/>
      <c r="J24" s="12"/>
      <c r="K24" s="12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7" r:id="rId1" xr:uid="{30323FD4-4033-4AF5-A917-1D2136FFF9F4}"/>
  </hyperlinks>
  <pageMargins left="0.5" right="0.5" top="0.75" bottom="0.75" header="0.27777800000000002" footer="0.27777800000000002"/>
  <pageSetup scale="55" orientation="landscape" r:id="rId2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cp:lastPrinted>2020-08-17T03:05:49Z</cp:lastPrinted>
  <dcterms:created xsi:type="dcterms:W3CDTF">2020-08-17T03:42:00Z</dcterms:created>
  <dcterms:modified xsi:type="dcterms:W3CDTF">2020-08-17T03:42:00Z</dcterms:modified>
</cp:coreProperties>
</file>